
<file path=[Content_Types].xml><?xml version="1.0" encoding="utf-8"?>
<Types xmlns="http://schemas.openxmlformats.org/package/2006/content-types"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</p:sldMasterIdLst>
  <p:notesMasterIdLst>
    <p:notesMasterId r:id="rId9"/>
  </p:notesMasterIdLst>
  <p:sldIdLst>
    <p:sldId id="270" r:id="rId5"/>
    <p:sldId id="263" r:id="rId6"/>
    <p:sldId id="268" r:id="rId7"/>
    <p:sldId id="269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55C70489-7B77-9276-5AFE-E5B1F1897729}" name="Katie Erofeeva" initials="KE" userId="S::erofeevak@iata.org::9bb4228e-397b-48a3-9610-2a1c04e66adc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D31FA"/>
    <a:srgbClr val="F04632"/>
    <a:srgbClr val="0377B5"/>
    <a:srgbClr val="11ACE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C4B89F35-6971-4478-B025-27450DF2AB09}" v="12" dt="2026-02-12T09:06:01.03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5" d="100"/>
          <a:sy n="105" d="100"/>
        </p:scale>
        <p:origin x="798" y="9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microsoft.com/office/2018/10/relationships/authors" Target="authors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notesMaster" Target="notesMasters/notesMaster1.xml"/><Relationship Id="rId14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213A39E-74EA-2940-8DFD-CEDED66EE5B9}" type="datetimeFigureOut">
              <a:rPr lang="en-US" smtClean="0"/>
              <a:t>2/12/202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9C01CDD-EED7-6A47-8F70-0F65E6EC44B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793762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2/12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52193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FE8E93-99C0-4F4C-AB37-E729171113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DFB1897-B888-9346-92AF-5C8F2BD9E61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829AB-B605-0F40-A69E-092C95D164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2/12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22DFD7-2EBB-1542-9872-BC75504D2B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105B0D-8F95-3C4D-B876-789FE7E7B7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38122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3E69C5F-9C73-6E4E-8B50-3FBDEC5AF49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7172EEE-F983-CD47-B2CF-64B361C85BE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9DE8F8A-F341-C845-95EF-C41D993CD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2/12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631E72-2744-964D-9031-6AF76ECDD3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164DB0-3FA6-334B-BD52-6B7321FA29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48039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75133810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12/02/2026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319443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2985F9-31B5-2540-B937-EA189AF5DA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3CA9B0-BBB7-6441-A559-3E340EF867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47C409-8C8B-6D43-99F1-CFD69ACA47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2/12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27BCF6-BAE8-774D-A156-D3DAFAB60F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44C072-1B3F-3A41-9084-C3E7547A90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87912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9FE67F-593F-EC41-8FB9-B4BB77B971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8D1F5F7-FC2F-B04F-954D-0E410838700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189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F5C9DC-B6B9-E744-B57C-6E1CF254D8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2/12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9A2E35-DC52-AE4F-B2BE-1380251AD5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457538-E9F9-4A4C-80C8-1B7591693D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05291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AA46C2-D2AC-3F4A-9152-1BBD833C79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BEB2B0-1F1B-544F-9AC8-CAB04FBA9B9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968D01B-1E76-F24C-AD52-3B0280C5816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DE5F1D-CA19-5C4E-ABEB-1BFF0AADCA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2/12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4F2948D-B283-E44A-A733-DE041E442D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6F90B-9FFA-284F-ADB8-6ABE41E2B4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93120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559F75-DA2B-234A-9C61-48B556120E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EFA76B8-9A70-1349-9361-3898E632929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9AA3219-9962-3E40-9B95-7C6812A76BA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54D3D70-833C-804D-8186-A87B851EF54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5109F6-B728-A44D-8866-45C5DE5B4B9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7EA5748-FCFD-1946-86B9-EFA453CBD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2/12/20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AD07FCD-BE1A-EF46-BADD-202B0CAC6B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DF02895-6A96-1141-B139-B281BD07BB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53557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F7D82C-779A-3441-A481-F4CEA93CBD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E93E3AB-D40D-DC40-B83D-781475DA9A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2/12/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CBA22AC-71E9-1F43-9171-E51EA1A690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57691AC-9D3D-564D-BB81-A0C52F672E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6262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49FE447-058A-B74D-ACD9-4CE8A439F5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2/12/20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63E819E-20ED-D844-9FC9-5E5BBF2C3F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734871E-3217-2B40-9D4B-E4008C76F0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27308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9C92B6-598D-AC43-A015-04EE99F60C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80D2CA-D26E-6544-A28C-B5D3935D32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5C80F2-4EB1-B84D-8A93-3719CE2B703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45085C-D62B-414B-A689-AF4CBCE09D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2/12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F7F2E5-9B87-044B-9073-49B20FEA55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CD94D1C-5337-1345-8A82-5B44A2D6A0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3789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CEF8FB-957A-524C-847C-3BCB1CA049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401AD8C-1A85-6844-99D4-7AAAC525453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4576A07-30D2-0642-B2B5-D7C9E472739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C58B9AD-3990-D242-A1A7-516C82C7BE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2/12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E98F2C8-3C11-D846-897B-5402774863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B4597D-B6BA-C244-BEBC-0D047A89B7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0021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A35A0B9-3AAB-C54E-9711-C32748F29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818C2A-84AE-0349-8EBF-E96AAA33A9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5906F8-31E9-0C45-B971-D604C18EA5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8E84AD-91E6-3640-8455-81BD6F308BB0}" type="datetimeFigureOut">
              <a:rPr lang="en-US" smtClean="0"/>
              <a:t>2/12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C46DBB-A29C-3946-A68B-63DCA80A084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266EA6-526D-6E40-AC1A-335523FF336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0173A886-4AA3-34A1-3694-3E9B560274F1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80800" y="63500"/>
            <a:ext cx="676275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15703180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hyperlink" Target="https://www.iata.org/en/events/all/wsoc/#tab-1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F29A077F-E2DE-5823-C2B0-FFE1DF076093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/>
          <a:srcRect r="1412"/>
          <a:stretch>
            <a:fillRect/>
          </a:stretch>
        </p:blipFill>
        <p:spPr>
          <a:xfrm>
            <a:off x="0" y="-1"/>
            <a:ext cx="12191999" cy="68579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42853321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ZoneTexte 4">
            <a:extLst>
              <a:ext uri="{FF2B5EF4-FFF2-40B4-BE49-F238E27FC236}">
                <a16:creationId xmlns:a16="http://schemas.microsoft.com/office/drawing/2014/main" id="{8D683FED-8EAC-651B-134D-9C3257312740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SOC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D31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SOC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D31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D31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28BE47FF-0545-040E-6D16-52DA222E7064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sp>
        <p:nvSpPr>
          <p:cNvPr id="14" name="Footer Placeholder 28">
            <a:extLst>
              <a:ext uri="{FF2B5EF4-FFF2-40B4-BE49-F238E27FC236}">
                <a16:creationId xmlns:a16="http://schemas.microsoft.com/office/drawing/2014/main" id="{2DB8B009-4796-D003-682E-514D296FD1BE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525137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solidFill>
                  <a:srgbClr val="1D31FA"/>
                </a:solidFill>
                <a:latin typeface="Aktiv Grotesk"/>
              </a:rPr>
              <a:t>#IATAWSOC</a:t>
            </a: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76A4305D-E67B-E2D2-502D-C8CD9B5EABFE}"/>
              </a:ext>
            </a:extLst>
          </p:cNvPr>
          <p:cNvGrpSpPr>
            <a:grpSpLocks noGrp="1" noUngrp="1" noRot="1" noMove="1" noResize="1"/>
          </p:cNvGrpSpPr>
          <p:nvPr/>
        </p:nvGrpSpPr>
        <p:grpSpPr>
          <a:xfrm>
            <a:off x="3571385" y="3838622"/>
            <a:ext cx="4312129" cy="2421171"/>
            <a:chOff x="3140766" y="3511796"/>
            <a:chExt cx="5303352" cy="2977722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F2D808A5-B863-A3C5-0754-8A5F5CA31E9E}"/>
                </a:ext>
              </a:extLst>
            </p:cNvPr>
            <p:cNvPicPr>
              <a:picLocks noGrp="1" noRot="1" noChangeAspect="1" noMove="1" noResize="1" noEditPoints="1" noAdjustHandles="1" noChangeArrowheads="1" noChangeShapeType="1" noCrop="1"/>
            </p:cNvPicPr>
            <p:nvPr/>
          </p:nvPicPr>
          <p:blipFill>
            <a:blip r:embed="rId3"/>
            <a:srcRect/>
            <a:stretch/>
          </p:blipFill>
          <p:spPr>
            <a:xfrm>
              <a:off x="3140766" y="3511796"/>
              <a:ext cx="5303352" cy="2977722"/>
            </a:xfrm>
            <a:prstGeom prst="rect">
              <a:avLst/>
            </a:prstGeom>
          </p:spPr>
        </p:pic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60869C31-B663-49B3-258A-DB6566A6DF9F}"/>
                </a:ext>
              </a:extLst>
            </p:cNvPr>
            <p:cNvSpPr>
              <a:spLocks noGrp="1" noRot="1" noMove="1" noResize="1" noEditPoints="1" noAdjustHandles="1" noChangeArrowheads="1" noChangeShapeType="1"/>
            </p:cNvSpPr>
            <p:nvPr/>
          </p:nvSpPr>
          <p:spPr>
            <a:xfrm>
              <a:off x="6487274" y="4006424"/>
              <a:ext cx="1213864" cy="1215319"/>
            </a:xfrm>
            <a:prstGeom prst="ellipse">
              <a:avLst/>
            </a:prstGeom>
            <a:solidFill>
              <a:schemeClr val="bg2">
                <a:lumMod val="90000"/>
              </a:scheme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41633B35-887C-BABC-F8E5-82735F1D408D}"/>
                </a:ext>
              </a:extLst>
            </p:cNvPr>
            <p:cNvGrpSpPr>
              <a:grpSpLocks noGrp="1" noUngrp="1" noRot="1" noMove="1" noResize="1"/>
            </p:cNvGrpSpPr>
            <p:nvPr/>
          </p:nvGrpSpPr>
          <p:grpSpPr>
            <a:xfrm>
              <a:off x="6879123" y="4162129"/>
              <a:ext cx="430165" cy="903908"/>
              <a:chOff x="1306168" y="815353"/>
              <a:chExt cx="991737" cy="1979946"/>
            </a:xfrm>
          </p:grpSpPr>
          <p:sp>
            <p:nvSpPr>
              <p:cNvPr id="10" name="Freeform 5">
                <a:extLst>
                  <a:ext uri="{FF2B5EF4-FFF2-40B4-BE49-F238E27FC236}">
                    <a16:creationId xmlns:a16="http://schemas.microsoft.com/office/drawing/2014/main" id="{A1743CEF-7796-7A82-B3FE-3C6584D93F81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/>
              </p:cNvSpPr>
              <p:nvPr/>
            </p:nvSpPr>
            <p:spPr bwMode="auto">
              <a:xfrm flipH="1">
                <a:off x="1307306" y="1808279"/>
                <a:ext cx="985838" cy="987020"/>
              </a:xfrm>
              <a:custGeom>
                <a:avLst/>
                <a:gdLst>
                  <a:gd name="T0" fmla="*/ 0 w 3326"/>
                  <a:gd name="T1" fmla="*/ 0 h 3330"/>
                  <a:gd name="T2" fmla="*/ 0 w 3326"/>
                  <a:gd name="T3" fmla="*/ 1665 h 3330"/>
                  <a:gd name="T4" fmla="*/ 1109 w 3326"/>
                  <a:gd name="T5" fmla="*/ 1665 h 3330"/>
                  <a:gd name="T6" fmla="*/ 1109 w 3326"/>
                  <a:gd name="T7" fmla="*/ 3330 h 3330"/>
                  <a:gd name="T8" fmla="*/ 3326 w 3326"/>
                  <a:gd name="T9" fmla="*/ 3330 h 3330"/>
                  <a:gd name="T10" fmla="*/ 3326 w 3326"/>
                  <a:gd name="T11" fmla="*/ 0 h 3330"/>
                  <a:gd name="T12" fmla="*/ 0 w 3326"/>
                  <a:gd name="T13" fmla="*/ 0 h 333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326" h="3330">
                    <a:moveTo>
                      <a:pt x="0" y="0"/>
                    </a:moveTo>
                    <a:lnTo>
                      <a:pt x="0" y="1665"/>
                    </a:lnTo>
                    <a:lnTo>
                      <a:pt x="1109" y="1665"/>
                    </a:lnTo>
                    <a:lnTo>
                      <a:pt x="1109" y="3330"/>
                    </a:lnTo>
                    <a:lnTo>
                      <a:pt x="3326" y="3330"/>
                    </a:lnTo>
                    <a:lnTo>
                      <a:pt x="3326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chemeClr val="accent1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/>
              </a:p>
            </p:txBody>
          </p:sp>
          <p:sp>
            <p:nvSpPr>
              <p:cNvPr id="11" name="Oval 10">
                <a:extLst>
                  <a:ext uri="{FF2B5EF4-FFF2-40B4-BE49-F238E27FC236}">
                    <a16:creationId xmlns:a16="http://schemas.microsoft.com/office/drawing/2014/main" id="{C485A753-F404-21A1-37EA-7EFB72ADB757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/>
              </p:cNvSpPr>
              <p:nvPr/>
            </p:nvSpPr>
            <p:spPr bwMode="auto">
              <a:xfrm>
                <a:off x="1306168" y="815353"/>
                <a:ext cx="991737" cy="992926"/>
              </a:xfrm>
              <a:prstGeom prst="ellipse">
                <a:avLst/>
              </a:prstGeom>
              <a:solidFill>
                <a:schemeClr val="accent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/>
              </a:p>
            </p:txBody>
          </p:sp>
          <p:sp>
            <p:nvSpPr>
              <p:cNvPr id="12" name="Freeform: Shape 11">
                <a:extLst>
                  <a:ext uri="{FF2B5EF4-FFF2-40B4-BE49-F238E27FC236}">
                    <a16:creationId xmlns:a16="http://schemas.microsoft.com/office/drawing/2014/main" id="{EFF0E5F4-1CB9-3303-6F20-371178F1AF41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/>
              </p:cNvSpPr>
              <p:nvPr/>
            </p:nvSpPr>
            <p:spPr bwMode="auto">
              <a:xfrm rot="16200000">
                <a:off x="1685021" y="1351310"/>
                <a:ext cx="230410" cy="460407"/>
              </a:xfrm>
              <a:custGeom>
                <a:avLst/>
                <a:gdLst>
                  <a:gd name="connsiteX0" fmla="*/ 270676 w 270676"/>
                  <a:gd name="connsiteY0" fmla="*/ 0 h 540866"/>
                  <a:gd name="connsiteX1" fmla="*/ 270676 w 270676"/>
                  <a:gd name="connsiteY1" fmla="*/ 270352 h 540866"/>
                  <a:gd name="connsiteX2" fmla="*/ 270514 w 270676"/>
                  <a:gd name="connsiteY2" fmla="*/ 270352 h 540866"/>
                  <a:gd name="connsiteX3" fmla="*/ 270514 w 270676"/>
                  <a:gd name="connsiteY3" fmla="*/ 274419 h 540866"/>
                  <a:gd name="connsiteX4" fmla="*/ 270514 w 270676"/>
                  <a:gd name="connsiteY4" fmla="*/ 540866 h 540866"/>
                  <a:gd name="connsiteX5" fmla="*/ 5653 w 270676"/>
                  <a:gd name="connsiteY5" fmla="*/ 324752 h 540866"/>
                  <a:gd name="connsiteX6" fmla="*/ 178 w 270676"/>
                  <a:gd name="connsiteY6" fmla="*/ 270352 h 540866"/>
                  <a:gd name="connsiteX7" fmla="*/ 0 w 270676"/>
                  <a:gd name="connsiteY7" fmla="*/ 270352 h 540866"/>
                  <a:gd name="connsiteX8" fmla="*/ 270676 w 270676"/>
                  <a:gd name="connsiteY8" fmla="*/ 0 h 5408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70676" h="540866">
                    <a:moveTo>
                      <a:pt x="270676" y="0"/>
                    </a:moveTo>
                    <a:lnTo>
                      <a:pt x="270676" y="270352"/>
                    </a:lnTo>
                    <a:lnTo>
                      <a:pt x="270514" y="270352"/>
                    </a:lnTo>
                    <a:lnTo>
                      <a:pt x="270514" y="274419"/>
                    </a:lnTo>
                    <a:cubicBezTo>
                      <a:pt x="270514" y="287107"/>
                      <a:pt x="270514" y="337859"/>
                      <a:pt x="270514" y="540866"/>
                    </a:cubicBezTo>
                    <a:cubicBezTo>
                      <a:pt x="139832" y="540866"/>
                      <a:pt x="30855" y="448114"/>
                      <a:pt x="5653" y="324752"/>
                    </a:cubicBezTo>
                    <a:lnTo>
                      <a:pt x="178" y="270352"/>
                    </a:lnTo>
                    <a:lnTo>
                      <a:pt x="0" y="270352"/>
                    </a:lnTo>
                    <a:cubicBezTo>
                      <a:pt x="0" y="121001"/>
                      <a:pt x="121146" y="0"/>
                      <a:pt x="270676" y="0"/>
                    </a:cubicBez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  <a:noAutofit/>
              </a:bodyPr>
              <a:lstStyle/>
              <a:p>
                <a:endParaRPr lang="en-GB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0417941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404E35A1-B635-4C7D-3D2F-A3233C922613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/>
          <a:srcRect l="91" r="91"/>
          <a:stretch/>
        </p:blipFill>
        <p:spPr>
          <a:xfrm>
            <a:off x="0" y="-3"/>
            <a:ext cx="12191999" cy="6857999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-17822" y="4130301"/>
            <a:ext cx="5126851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244405" y="4349287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</a:t>
            </a:r>
            <a:r>
              <a:rPr lang="fr-FR" sz="1800" b="1" dirty="0" err="1">
                <a:latin typeface="Aktiv Grotesk" panose="020B0504020202020204"/>
              </a:rPr>
              <a:t>your</a:t>
            </a:r>
            <a:r>
              <a:rPr lang="fr-FR" sz="1800" b="1" dirty="0">
                <a:latin typeface="Aktiv Grotesk" panose="020B0504020202020204"/>
              </a:rPr>
              <a:t> message </a:t>
            </a:r>
            <a:r>
              <a:rPr lang="fr-FR" sz="1800" b="1" dirty="0" err="1">
                <a:latin typeface="Aktiv Grotesk" panose="020B0504020202020204"/>
              </a:rPr>
              <a:t>here</a:t>
            </a:r>
            <a:r>
              <a:rPr lang="fr-FR" sz="1800" b="1" dirty="0">
                <a:latin typeface="Aktiv Grotesk" panose="020B0504020202020204"/>
              </a:rPr>
              <a:t>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</a:t>
            </a:r>
            <a:r>
              <a:rPr lang="fr-FR" sz="1800" dirty="0" err="1">
                <a:latin typeface="Aktiv Grotesk" panose="020B0504020202020204"/>
              </a:rPr>
              <a:t>add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name</a:t>
            </a:r>
            <a:r>
              <a:rPr lang="fr-FR" sz="1800" dirty="0">
                <a:latin typeface="Aktiv Grotesk" panose="020B0504020202020204"/>
              </a:rPr>
              <a:t>,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session or </a:t>
            </a:r>
            <a:r>
              <a:rPr lang="fr-FR" sz="1800" dirty="0" err="1">
                <a:latin typeface="Aktiv Grotesk" panose="020B0504020202020204"/>
              </a:rPr>
              <a:t>any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othe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ording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ish</a:t>
            </a:r>
            <a:r>
              <a:rPr lang="fr-FR" sz="1800" dirty="0">
                <a:latin typeface="Aktiv Grotesk" panose="020B0504020202020204"/>
              </a:rPr>
              <a:t>. </a:t>
            </a:r>
            <a:r>
              <a:rPr lang="fr-FR" sz="1800" dirty="0" err="1">
                <a:latin typeface="Aktiv Grotesk" panose="020B0504020202020204"/>
              </a:rPr>
              <a:t>Reduce</a:t>
            </a:r>
            <a:r>
              <a:rPr lang="fr-FR" sz="1800" dirty="0">
                <a:latin typeface="Aktiv Grotesk" panose="020B0504020202020204"/>
              </a:rPr>
              <a:t> font size as </a:t>
            </a:r>
            <a:r>
              <a:rPr lang="fr-FR" sz="1800" dirty="0" err="1">
                <a:latin typeface="Aktiv Grotesk" panose="020B0504020202020204"/>
              </a:rPr>
              <a:t>needed</a:t>
            </a:r>
            <a:r>
              <a:rPr lang="fr-FR" sz="1800" dirty="0">
                <a:latin typeface="Aktiv Grotesk" panose="020B0504020202020204"/>
              </a:rPr>
              <a:t>.</a:t>
            </a:r>
          </a:p>
        </p:txBody>
      </p:sp>
      <p:sp>
        <p:nvSpPr>
          <p:cNvPr id="12" name="Picture Placeholder 11">
            <a:extLst>
              <a:ext uri="{FF2B5EF4-FFF2-40B4-BE49-F238E27FC236}">
                <a16:creationId xmlns:a16="http://schemas.microsoft.com/office/drawing/2014/main" id="{94B3C006-FB80-C4A2-BB3F-5B7E11F85629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6791346" y="473001"/>
            <a:ext cx="4673599" cy="4679202"/>
          </a:xfrm>
        </p:spPr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761015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155927B4-1106-C0C0-9245-EB459E14CFD9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/>
          <a:srcRect/>
          <a:stretch/>
        </p:blipFill>
        <p:spPr>
          <a:xfrm>
            <a:off x="0" y="-1"/>
            <a:ext cx="12191998" cy="6857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64567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ffaaae9-dc8c-459f-a92e-1529c78bcbdb">
      <Terms xmlns="http://schemas.microsoft.com/office/infopath/2007/PartnerControls"/>
    </lcf76f155ced4ddcb4097134ff3c332f>
    <TaxCatchAll xmlns="da655568-1247-43c7-b5ce-0d71de2fb494" xsi:nil="true"/>
    <SharedWithUsers xmlns="86e16ca4-215f-4354-b2b5-4fac53992da1">
      <UserInfo>
        <DisplayName>Katie Erofeeva</DisplayName>
        <AccountId>90</AccountId>
        <AccountType/>
      </UserInfo>
      <UserInfo>
        <DisplayName>Kim Wee</DisplayName>
        <AccountId>51</AccountId>
        <AccountType/>
      </UserInfo>
      <UserInfo>
        <DisplayName>Macarena Losada</DisplayName>
        <AccountId>87</AccountId>
        <AccountType/>
      </UserInfo>
    </SharedWithUsers>
    <Teammemberincharge xmlns="4ffaaae9-dc8c-459f-a92e-1529c78bcbdb" xsi:nil="true"/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20" ma:contentTypeDescription="Create a new document." ma:contentTypeScope="" ma:versionID="1accb232203815ec3040efc51cba9a2c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f47486965727e27118c92c38a2790d79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BillingMetadata" ma:index="27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1748A618-3DC1-4085-AFA7-457ABC695961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B98825FB-E388-4F1F-8116-2A8A65DD839A}">
  <ds:schemaRefs>
    <ds:schemaRef ds:uri="http://purl.org/dc/terms/"/>
    <ds:schemaRef ds:uri="http://purl.org/dc/elements/1.1/"/>
    <ds:schemaRef ds:uri="http://schemas.openxmlformats.org/package/2006/metadata/core-properties"/>
    <ds:schemaRef ds:uri="http://schemas.microsoft.com/office/2006/documentManagement/types"/>
    <ds:schemaRef ds:uri="http://purl.org/dc/dcmitype/"/>
    <ds:schemaRef ds:uri="http://schemas.microsoft.com/office/infopath/2007/PartnerControls"/>
    <ds:schemaRef ds:uri="da655568-1247-43c7-b5ce-0d71de2fb494"/>
    <ds:schemaRef ds:uri="4ffaaae9-dc8c-459f-a92e-1529c78bcbdb"/>
    <ds:schemaRef ds:uri="86e16ca4-215f-4354-b2b5-4fac53992da1"/>
    <ds:schemaRef ds:uri="http://schemas.microsoft.com/office/2006/metadata/properties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D48188CE-C7E9-4C09-9A44-E11582037CA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Metadata/LabelInfo.xml><?xml version="1.0" encoding="utf-8"?>
<clbl:labelList xmlns:clbl="http://schemas.microsoft.com/office/2020/mipLabelMetadata">
  <clbl:label id="{44ae014c-8170-484b-8a8e-3a6b842e2604}" enabled="1" method="Standard" siteId="{ad221784-72a8-4263-ac86-0ccc6b152cd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13</Words>
  <Application>Microsoft Office PowerPoint</Application>
  <PresentationFormat>Widescreen</PresentationFormat>
  <Paragraphs>9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0" baseType="lpstr">
      <vt:lpstr>Aktiv Grotesk</vt:lpstr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NS Advocacy Kit</dc:title>
  <dc:creator>DeSantis, Christina</dc:creator>
  <cp:lastModifiedBy>Luca Sorgesa</cp:lastModifiedBy>
  <cp:revision>3</cp:revision>
  <dcterms:created xsi:type="dcterms:W3CDTF">2021-04-21T15:11:41Z</dcterms:created>
  <dcterms:modified xsi:type="dcterms:W3CDTF">2026-02-12T09:06:0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2bbab825-a111-45e4-86a1-18cee0005896_Enabled">
    <vt:lpwstr>true</vt:lpwstr>
  </property>
  <property fmtid="{D5CDD505-2E9C-101B-9397-08002B2CF9AE}" pid="3" name="MSIP_Label_2bbab825-a111-45e4-86a1-18cee0005896_SetDate">
    <vt:lpwstr>2021-04-21T15:11:42Z</vt:lpwstr>
  </property>
  <property fmtid="{D5CDD505-2E9C-101B-9397-08002B2CF9AE}" pid="4" name="MSIP_Label_2bbab825-a111-45e4-86a1-18cee0005896_Method">
    <vt:lpwstr>Standard</vt:lpwstr>
  </property>
  <property fmtid="{D5CDD505-2E9C-101B-9397-08002B2CF9AE}" pid="5" name="MSIP_Label_2bbab825-a111-45e4-86a1-18cee0005896_Name">
    <vt:lpwstr>2bbab825-a111-45e4-86a1-18cee0005896</vt:lpwstr>
  </property>
  <property fmtid="{D5CDD505-2E9C-101B-9397-08002B2CF9AE}" pid="6" name="MSIP_Label_2bbab825-a111-45e4-86a1-18cee0005896_SiteId">
    <vt:lpwstr>2567d566-604c-408a-8a60-55d0dc9d9d6b</vt:lpwstr>
  </property>
  <property fmtid="{D5CDD505-2E9C-101B-9397-08002B2CF9AE}" pid="7" name="MSIP_Label_2bbab825-a111-45e4-86a1-18cee0005896_ActionId">
    <vt:lpwstr>bd1f98e2-eeee-4e66-acd1-aec6dc875dae</vt:lpwstr>
  </property>
  <property fmtid="{D5CDD505-2E9C-101B-9397-08002B2CF9AE}" pid="8" name="MSIP_Label_2bbab825-a111-45e4-86a1-18cee0005896_ContentBits">
    <vt:lpwstr>2</vt:lpwstr>
  </property>
  <property fmtid="{D5CDD505-2E9C-101B-9397-08002B2CF9AE}" pid="9" name="ContentTypeId">
    <vt:lpwstr>0x0101002D35BE1AB82ED949983D4C3BEFB295AA</vt:lpwstr>
  </property>
  <property fmtid="{D5CDD505-2E9C-101B-9397-08002B2CF9AE}" pid="10" name="MediaServiceImageTags">
    <vt:lpwstr/>
  </property>
  <property fmtid="{D5CDD505-2E9C-101B-9397-08002B2CF9AE}" pid="11" name="Order">
    <vt:lpwstr>299200.000000000</vt:lpwstr>
  </property>
  <property fmtid="{D5CDD505-2E9C-101B-9397-08002B2CF9AE}" pid="12" name="xd_ProgID">
    <vt:lpwstr/>
  </property>
  <property fmtid="{D5CDD505-2E9C-101B-9397-08002B2CF9AE}" pid="13" name="ComplianceAssetId">
    <vt:lpwstr/>
  </property>
  <property fmtid="{D5CDD505-2E9C-101B-9397-08002B2CF9AE}" pid="14" name="TemplateUrl">
    <vt:lpwstr/>
  </property>
  <property fmtid="{D5CDD505-2E9C-101B-9397-08002B2CF9AE}" pid="15" name="_ExtendedDescription">
    <vt:lpwstr/>
  </property>
  <property fmtid="{D5CDD505-2E9C-101B-9397-08002B2CF9AE}" pid="16" name="TriggerFlowInfo">
    <vt:lpwstr/>
  </property>
  <property fmtid="{D5CDD505-2E9C-101B-9397-08002B2CF9AE}" pid="17" name="xd_Signature">
    <vt:lpwstr/>
  </property>
  <property fmtid="{D5CDD505-2E9C-101B-9397-08002B2CF9AE}" pid="18" name="SharedWithUsers">
    <vt:lpwstr>90;#Katie Erofeeva;#51;#Kim Wee;#87;#Macarena Losada</vt:lpwstr>
  </property>
  <property fmtid="{D5CDD505-2E9C-101B-9397-08002B2CF9AE}" pid="19" name="ClassificationContentMarkingHeaderLocations">
    <vt:lpwstr>Office Theme:8</vt:lpwstr>
  </property>
  <property fmtid="{D5CDD505-2E9C-101B-9397-08002B2CF9AE}" pid="20" name="ClassificationContentMarkingHeaderText">
    <vt:lpwstr>Unrestricted</vt:lpwstr>
  </property>
</Properties>
</file>